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capell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59C5C377-2600-3AB1-05E8-BDE0E4614DF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123543"/>
            <a:ext cx="2285318" cy="154030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0CB42155-4295-DEC1-E46C-C5498B4856A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31673" y="4194936"/>
            <a:ext cx="1680049" cy="113235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3</cp:revision>
  <dcterms:created xsi:type="dcterms:W3CDTF">2019-07-30T10:24:44Z</dcterms:created>
  <dcterms:modified xsi:type="dcterms:W3CDTF">2024-06-28T11:12:30Z</dcterms:modified>
</cp:coreProperties>
</file>